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25\"/>
    </mc:Choice>
  </mc:AlternateContent>
  <xr:revisionPtr revIDLastSave="0" documentId="13_ncr:1_{6D036FC8-7424-4A28-8E66-287460F0DD15}" xr6:coauthVersionLast="47" xr6:coauthVersionMax="47" xr10:uidLastSave="{00000000-0000-0000-0000-000000000000}"/>
  <bookViews>
    <workbookView xWindow="-120" yWindow="-120" windowWidth="29040" windowHeight="15840" xr2:uid="{14DCC953-783E-4656-84DB-F00F78A7887A}"/>
  </bookViews>
  <sheets>
    <sheet name="225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5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1" uniqueCount="28">
  <si>
    <t>名称№２２５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汚泥処理業務（バキューム車使用）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沈殿槽等の汚泥汲み上げ及び運搬・処理</t>
  </si>
  <si>
    <t>無機汚泥</t>
  </si>
  <si>
    <t>ｍ3</t>
  </si>
  <si>
    <t>有機汚泥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52A9D950-F3F3-4D22-8529-91585237E879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D3BF864-FAA6-4ACE-9211-B4CE37052308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O11" sqref="O11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13</v>
      </c>
      <c r="G9" s="26"/>
      <c r="H9" s="27"/>
    </row>
    <row r="10" spans="1:10" ht="24.95" customHeight="1" x14ac:dyDescent="0.15">
      <c r="A10" s="20">
        <v>1</v>
      </c>
      <c r="B10" s="28" t="s">
        <v>12</v>
      </c>
      <c r="C10" s="29">
        <v>2</v>
      </c>
      <c r="D10" s="30" t="s">
        <v>15</v>
      </c>
      <c r="E10" s="31" t="s">
        <v>14</v>
      </c>
      <c r="F10" s="25">
        <v>8</v>
      </c>
      <c r="G10" s="32"/>
      <c r="H10" s="27"/>
    </row>
    <row r="11" spans="1:10" ht="24.95" customHeight="1" x14ac:dyDescent="0.15">
      <c r="A11" s="20"/>
      <c r="B11" s="28"/>
      <c r="C11" s="29"/>
      <c r="D11" s="30"/>
      <c r="E11" s="31"/>
      <c r="F11" s="25"/>
      <c r="G11" s="32"/>
      <c r="H11" s="27"/>
    </row>
    <row r="12" spans="1:10" ht="24.95" customHeight="1" x14ac:dyDescent="0.15">
      <c r="A12" s="20"/>
      <c r="B12" s="28"/>
      <c r="C12" s="29"/>
      <c r="D12" s="30"/>
      <c r="E12" s="31"/>
      <c r="F12" s="25"/>
      <c r="G12" s="32"/>
      <c r="H12" s="27"/>
    </row>
    <row r="13" spans="1:10" ht="24.95" customHeight="1" x14ac:dyDescent="0.15">
      <c r="A13" s="33"/>
      <c r="B13" s="34"/>
      <c r="C13" s="33"/>
      <c r="D13" s="35"/>
      <c r="E13" s="36"/>
      <c r="F13" s="37"/>
      <c r="G13" s="38"/>
      <c r="H13" s="39"/>
    </row>
    <row r="14" spans="1:10" ht="24.95" customHeight="1" x14ac:dyDescent="0.15">
      <c r="A14" s="20"/>
      <c r="B14" s="40"/>
      <c r="C14" s="20"/>
      <c r="D14" s="41"/>
      <c r="E14" s="42"/>
      <c r="F14" s="43"/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16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17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18</v>
      </c>
      <c r="H42" s="56"/>
    </row>
    <row r="43" spans="1:8" ht="20.100000000000001" customHeight="1" x14ac:dyDescent="0.15">
      <c r="A43" s="56"/>
      <c r="B43" s="56" t="s">
        <v>19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0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1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2</v>
      </c>
      <c r="E46" s="56"/>
      <c r="F46" s="56"/>
      <c r="G46" s="56"/>
      <c r="H46" s="57" t="s">
        <v>23</v>
      </c>
    </row>
    <row r="47" spans="1:8" ht="20.100000000000001" customHeight="1" x14ac:dyDescent="0.15">
      <c r="A47" s="56"/>
      <c r="B47" s="56"/>
      <c r="C47" s="56"/>
      <c r="D47" s="57" t="s">
        <v>24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5</v>
      </c>
      <c r="E49" s="56"/>
      <c r="F49" s="59"/>
      <c r="G49" s="56"/>
      <c r="H49" s="57" t="s">
        <v>23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26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27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G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5</vt:lpstr>
      <vt:lpstr>'225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4:04Z</dcterms:created>
  <dcterms:modified xsi:type="dcterms:W3CDTF">2023-02-22T04:59:44Z</dcterms:modified>
</cp:coreProperties>
</file>